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0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6-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6-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leuda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CB7E0E4B-DBC3-C622-2E92-52C54D6F2EF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98749" y="4876801"/>
            <a:ext cx="2221831" cy="1741916"/>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CBBB8C1F-8811-D040-ED70-B375FE78483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9450" y="4352925"/>
            <a:ext cx="1395683" cy="109421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0-16T11:21:17Z</dcterms:modified>
</cp:coreProperties>
</file>